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263059\Dropbox\MCDApaper\MCDA\"/>
    </mc:Choice>
  </mc:AlternateContent>
  <bookViews>
    <workbookView xWindow="0" yWindow="0" windowWidth="16380" windowHeight="8190" tabRatio="500"/>
  </bookViews>
  <sheets>
    <sheet name="Industry Responses" sheetId="1" r:id="rId1"/>
  </sheets>
  <definedNames>
    <definedName name="_xlchart.v3.0">'Industry Responses'!$D$1</definedName>
    <definedName name="_xlchart.v3.1">'Industry Responses'!$D$2:$D$39</definedName>
    <definedName name="_xlchart.v3.10">'Industry Responses'!$I$1</definedName>
    <definedName name="_xlchart.v3.11">'Industry Responses'!$I$2:$I$39</definedName>
    <definedName name="_xlchart.v3.12">'Industry Responses'!$J$1</definedName>
    <definedName name="_xlchart.v3.13">'Industry Responses'!$J$2:$J$39</definedName>
    <definedName name="_xlchart.v3.14">'Industry Responses'!$K$1</definedName>
    <definedName name="_xlchart.v3.15">'Industry Responses'!$K$2:$K$39</definedName>
    <definedName name="_xlchart.v3.16">'Industry Responses'!$L$1</definedName>
    <definedName name="_xlchart.v3.17">'Industry Responses'!$L$2:$L$39</definedName>
    <definedName name="_xlchart.v3.18">'Industry Responses'!$M$1</definedName>
    <definedName name="_xlchart.v3.19">'Industry Responses'!$M$2:$M$39</definedName>
    <definedName name="_xlchart.v3.2">'Industry Responses'!$E$1</definedName>
    <definedName name="_xlchart.v3.20">'Industry Responses'!$N$1</definedName>
    <definedName name="_xlchart.v3.21">'Industry Responses'!$N$2:$N$39</definedName>
    <definedName name="_xlchart.v3.22">'Industry Responses'!$O$1</definedName>
    <definedName name="_xlchart.v3.23">'Industry Responses'!$O$2:$O$39</definedName>
    <definedName name="_xlchart.v3.24">'Industry Responses'!$P$1</definedName>
    <definedName name="_xlchart.v3.25">'Industry Responses'!$P$2:$P$39</definedName>
    <definedName name="_xlchart.v3.26">'Industry Responses'!$Q$1</definedName>
    <definedName name="_xlchart.v3.27">'Industry Responses'!$Q$2:$Q$39</definedName>
    <definedName name="_xlchart.v3.28">'Industry Responses'!$R$1</definedName>
    <definedName name="_xlchart.v3.29">'Industry Responses'!$R$2:$R$39</definedName>
    <definedName name="_xlchart.v3.3">'Industry Responses'!$E$2:$E$39</definedName>
    <definedName name="_xlchart.v3.30">'Industry Responses'!$S$1</definedName>
    <definedName name="_xlchart.v3.31">'Industry Responses'!$S$2:$S$39</definedName>
    <definedName name="_xlchart.v3.32">'Industry Responses'!$T$1</definedName>
    <definedName name="_xlchart.v3.33">'Industry Responses'!$T$2:$T$39</definedName>
    <definedName name="_xlchart.v3.34">'Industry Responses'!$U$1</definedName>
    <definedName name="_xlchart.v3.35">'Industry Responses'!$U$2:$U$39</definedName>
    <definedName name="_xlchart.v3.36">'Industry Responses'!$V$1</definedName>
    <definedName name="_xlchart.v3.37">'Industry Responses'!$V$2:$V$39</definedName>
    <definedName name="_xlchart.v3.38">'Industry Responses'!$W$1</definedName>
    <definedName name="_xlchart.v3.39">'Industry Responses'!$W$2:$W$39</definedName>
    <definedName name="_xlchart.v3.4">'Industry Responses'!$F$1</definedName>
    <definedName name="_xlchart.v3.40">'Industry Responses'!$X$1</definedName>
    <definedName name="_xlchart.v3.41">'Industry Responses'!$X$2:$X$39</definedName>
    <definedName name="_xlchart.v3.42">'Industry Responses'!$N$1</definedName>
    <definedName name="_xlchart.v3.43">'Industry Responses'!$N$2:$N$39</definedName>
    <definedName name="_xlchart.v3.44">'Industry Responses'!$O$1</definedName>
    <definedName name="_xlchart.v3.45">'Industry Responses'!$O$2:$O$39</definedName>
    <definedName name="_xlchart.v3.46">'Industry Responses'!$P$1</definedName>
    <definedName name="_xlchart.v3.47">'Industry Responses'!$P$2:$P$39</definedName>
    <definedName name="_xlchart.v3.48">'Industry Responses'!$Q$1</definedName>
    <definedName name="_xlchart.v3.49">'Industry Responses'!$Q$2:$Q$39</definedName>
    <definedName name="_xlchart.v3.5">'Industry Responses'!$F$2:$F$39</definedName>
    <definedName name="_xlchart.v3.50">'Industry Responses'!$R$1</definedName>
    <definedName name="_xlchart.v3.51">'Industry Responses'!$R$2:$R$39</definedName>
    <definedName name="_xlchart.v3.52">'Industry Responses'!$S$1</definedName>
    <definedName name="_xlchart.v3.53">'Industry Responses'!$S$2:$S$39</definedName>
    <definedName name="_xlchart.v3.54">'Industry Responses'!$T$1</definedName>
    <definedName name="_xlchart.v3.55">'Industry Responses'!$T$2:$T$39</definedName>
    <definedName name="_xlchart.v3.56">'Industry Responses'!$U$1</definedName>
    <definedName name="_xlchart.v3.57">'Industry Responses'!$U$2:$U$39</definedName>
    <definedName name="_xlchart.v3.58">'Industry Responses'!$V$1</definedName>
    <definedName name="_xlchart.v3.59">'Industry Responses'!$V$2:$V$39</definedName>
    <definedName name="_xlchart.v3.6">'Industry Responses'!$G$1</definedName>
    <definedName name="_xlchart.v3.60">'Industry Responses'!$W$1</definedName>
    <definedName name="_xlchart.v3.61">'Industry Responses'!$W$2:$W$39</definedName>
    <definedName name="_xlchart.v3.62">'Industry Responses'!$X$1</definedName>
    <definedName name="_xlchart.v3.63">'Industry Responses'!$X$2:$X$39</definedName>
    <definedName name="_xlchart.v3.64">'Industry Responses'!$D$1</definedName>
    <definedName name="_xlchart.v3.65">'Industry Responses'!$D$2:$D$39</definedName>
    <definedName name="_xlchart.v3.66">'Industry Responses'!$E$1</definedName>
    <definedName name="_xlchart.v3.67">'Industry Responses'!$E$2:$E$39</definedName>
    <definedName name="_xlchart.v3.68">'Industry Responses'!$F$1</definedName>
    <definedName name="_xlchart.v3.69">'Industry Responses'!$F$2:$F$39</definedName>
    <definedName name="_xlchart.v3.7">'Industry Responses'!$G$2:$G$39</definedName>
    <definedName name="_xlchart.v3.70">'Industry Responses'!$G$1</definedName>
    <definedName name="_xlchart.v3.71">'Industry Responses'!$G$2:$G$39</definedName>
    <definedName name="_xlchart.v3.72">'Industry Responses'!$H$1</definedName>
    <definedName name="_xlchart.v3.73">'Industry Responses'!$H$2:$H$39</definedName>
    <definedName name="_xlchart.v3.74">'Industry Responses'!$I$1</definedName>
    <definedName name="_xlchart.v3.75">'Industry Responses'!$I$2:$I$39</definedName>
    <definedName name="_xlchart.v3.76">'Industry Responses'!$J$1</definedName>
    <definedName name="_xlchart.v3.77">'Industry Responses'!$J$2:$J$39</definedName>
    <definedName name="_xlchart.v3.78">'Industry Responses'!$K$1</definedName>
    <definedName name="_xlchart.v3.79">'Industry Responses'!$K$2:$K$39</definedName>
    <definedName name="_xlchart.v3.8">'Industry Responses'!$H$1</definedName>
    <definedName name="_xlchart.v3.80">'Industry Responses'!$L$1</definedName>
    <definedName name="_xlchart.v3.81">'Industry Responses'!$L$2:$L$39</definedName>
    <definedName name="_xlchart.v3.82">'Industry Responses'!$M$1</definedName>
    <definedName name="_xlchart.v3.83">'Industry Responses'!$M$2:$M$39</definedName>
    <definedName name="_xlchart.v3.9">'Industry Responses'!$H$2:$H$39</definedName>
  </definedNames>
  <calcPr calcId="152511" iterateDelta="1E-4"/>
  <extLst>
    <ext xmlns:loext="http://schemas.libreoffice.org/" uri="{7626C862-2A13-11E5-B345-FEFF819CDC9F}">
      <loext:extCalcPr stringRefSyntax="ExcelA1"/>
    </ext>
  </extLst>
</workbook>
</file>

<file path=xl/sharedStrings.xml><?xml version="1.0" encoding="utf-8"?>
<sst xmlns="http://schemas.openxmlformats.org/spreadsheetml/2006/main" count="25" uniqueCount="25">
  <si>
    <t>Job title</t>
  </si>
  <si>
    <t>Years exp</t>
  </si>
  <si>
    <t>level exp</t>
  </si>
  <si>
    <t>Feasability</t>
  </si>
  <si>
    <t>Maturity of Tech</t>
  </si>
  <si>
    <t>Cost to Develop</t>
  </si>
  <si>
    <t>Ease of Prototyping</t>
  </si>
  <si>
    <t>Ease of Certification</t>
  </si>
  <si>
    <t>Handling Improvement</t>
  </si>
  <si>
    <t>Cost of Manufacture</t>
  </si>
  <si>
    <t>Ease of Manufacture</t>
  </si>
  <si>
    <t>Resuse of Reasources</t>
  </si>
  <si>
    <t>Environmental Impact</t>
  </si>
  <si>
    <t>Reduction of Risk</t>
  </si>
  <si>
    <t>Ease of Imp. and Op.</t>
  </si>
  <si>
    <t>Limitations</t>
  </si>
  <si>
    <t>Required Training</t>
  </si>
  <si>
    <t>Reliability of Operation</t>
  </si>
  <si>
    <t>Operational Costs</t>
  </si>
  <si>
    <t>Operational Manpower</t>
  </si>
  <si>
    <t>Time for Operation</t>
  </si>
  <si>
    <t>Lifetime of Equipment</t>
  </si>
  <si>
    <t>Reusability of Equipment</t>
  </si>
  <si>
    <t>Maintainability/Repairability</t>
  </si>
  <si>
    <t xml:space="preserve">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4" x14ac:knownFonts="1">
    <font>
      <sz val="11"/>
      <color rgb="FF000000"/>
      <name val="Calibri"/>
      <family val="2"/>
      <charset val="1"/>
    </font>
    <font>
      <b/>
      <sz val="10"/>
      <color rgb="FF000000"/>
      <name val="Calibri"/>
      <family val="2"/>
      <charset val="1"/>
    </font>
    <font>
      <b/>
      <sz val="11"/>
      <color rgb="FF7F7F7F"/>
      <name val="Calibri"/>
      <family val="2"/>
      <charset val="1"/>
    </font>
    <font>
      <b/>
      <i/>
      <sz val="11"/>
      <color rgb="FF000000"/>
      <name val="Calibri"/>
      <family val="2"/>
      <charset val="1"/>
    </font>
  </fonts>
  <fills count="3">
    <fill>
      <patternFill patternType="none"/>
    </fill>
    <fill>
      <patternFill patternType="gray125"/>
    </fill>
    <fill>
      <patternFill patternType="solid">
        <fgColor rgb="FFDDDDDD"/>
        <bgColor rgb="FFD9D9D9"/>
      </patternFill>
    </fill>
  </fills>
  <borders count="3">
    <border>
      <left/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</borders>
  <cellStyleXfs count="2">
    <xf numFmtId="0" fontId="0" fillId="0" borderId="0"/>
    <xf numFmtId="0" fontId="1" fillId="2" borderId="0" applyBorder="0" applyProtection="0"/>
  </cellStyleXfs>
  <cellXfs count="12">
    <xf numFmtId="0" fontId="0" fillId="0" borderId="0" xfId="0"/>
    <xf numFmtId="0" fontId="2" fillId="0" borderId="0" xfId="0" applyFont="1"/>
    <xf numFmtId="0" fontId="2" fillId="0" borderId="1" xfId="0" applyFont="1" applyBorder="1"/>
    <xf numFmtId="0" fontId="2" fillId="0" borderId="0" xfId="0" applyFont="1" applyAlignment="1">
      <alignment wrapText="1"/>
    </xf>
    <xf numFmtId="0" fontId="3" fillId="0" borderId="0" xfId="0" applyFont="1"/>
    <xf numFmtId="0" fontId="0" fillId="0" borderId="1" xfId="0" applyBorder="1"/>
    <xf numFmtId="0" fontId="0" fillId="0" borderId="0" xfId="0" applyBorder="1"/>
    <xf numFmtId="0" fontId="0" fillId="0" borderId="1" xfId="0" applyBorder="1"/>
    <xf numFmtId="0" fontId="0" fillId="0" borderId="2" xfId="0" applyBorder="1"/>
    <xf numFmtId="0" fontId="0" fillId="0" borderId="2" xfId="0" applyBorder="1"/>
    <xf numFmtId="0" fontId="2" fillId="0" borderId="0" xfId="0" applyFont="1" applyAlignment="1">
      <alignment horizontal="right"/>
    </xf>
    <xf numFmtId="0" fontId="2" fillId="0" borderId="0" xfId="0" applyFont="1" applyBorder="1" applyAlignment="1">
      <alignment horizontal="right"/>
    </xf>
  </cellXfs>
  <cellStyles count="2">
    <cellStyle name="Explanatory Text" xfId="1" builtinId="53" customBuiltin="1"/>
    <cellStyle name="Normal" xfId="0" builtinId="0"/>
  </cellStyles>
  <dxfs count="0"/>
  <tableStyles count="0" defaultTableStyle="TableStyleMedium2" defaultPivotStyle="PivotStyleLight16"/>
  <colors>
    <indexedColors>
      <rgbColor rgb="FF000000"/>
      <rgbColor rgb="FFFFFFFF"/>
      <rgbColor rgb="FFCC0000"/>
      <rgbColor rgb="FF00FF00"/>
      <rgbColor rgb="FF0000FF"/>
      <rgbColor rgb="FFFFFF00"/>
      <rgbColor rgb="FFFF00FF"/>
      <rgbColor rgb="FF00FFFF"/>
      <rgbColor rgb="FF800000"/>
      <rgbColor rgb="FF006600"/>
      <rgbColor rgb="FF000080"/>
      <rgbColor rgb="FF996600"/>
      <rgbColor rgb="FF800080"/>
      <rgbColor rgb="FF008080"/>
      <rgbColor rgb="FFDDDDDD"/>
      <rgbColor rgb="FF808080"/>
      <rgbColor rgb="FF5B9BD5"/>
      <rgbColor rgb="FF993366"/>
      <rgbColor rgb="FFFFFFCC"/>
      <rgbColor rgb="FFCCFFFF"/>
      <rgbColor rgb="FF660066"/>
      <rgbColor rgb="FFFF8080"/>
      <rgbColor rgb="FF0066CC"/>
      <rgbColor rgb="FFD9D9D9"/>
      <rgbColor rgb="FF000080"/>
      <rgbColor rgb="FFFF00FF"/>
      <rgbColor rgb="FFFFFF00"/>
      <rgbColor rgb="FF00FFFF"/>
      <rgbColor rgb="FF800080"/>
      <rgbColor rgb="FF800000"/>
      <rgbColor rgb="FF008080"/>
      <rgbColor rgb="FF0000FF"/>
      <rgbColor rgb="FF00CCFF"/>
      <rgbColor rgb="FFCCFFFF"/>
      <rgbColor rgb="FFCCFFCC"/>
      <rgbColor rgb="FFFFFF99"/>
      <rgbColor rgb="FF99CCFF"/>
      <rgbColor rgb="FFFF99CC"/>
      <rgbColor rgb="FFCC99FF"/>
      <rgbColor rgb="FFFFCCCC"/>
      <rgbColor rgb="FF3366FF"/>
      <rgbColor rgb="FF33CCCC"/>
      <rgbColor rgb="FF99CC00"/>
      <rgbColor rgb="FFFFCC00"/>
      <rgbColor rgb="FFFF9900"/>
      <rgbColor rgb="FFED7D31"/>
      <rgbColor rgb="FF595959"/>
      <rgbColor rgb="FFA5A5A5"/>
      <rgbColor rgb="FF003366"/>
      <rgbColor rgb="FF7F7F7F"/>
      <rgbColor rgb="FF003300"/>
      <rgbColor rgb="FF333300"/>
      <rgbColor rgb="FF993300"/>
      <rgbColor rgb="FF993366"/>
      <rgbColor rgb="FF333399"/>
      <rgbColor rgb="FF333333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47"/>
  <sheetViews>
    <sheetView tabSelected="1" zoomScaleNormal="100" workbookViewId="0">
      <selection activeCell="A18" sqref="A18"/>
    </sheetView>
  </sheetViews>
  <sheetFormatPr defaultRowHeight="15" x14ac:dyDescent="0.25"/>
  <cols>
    <col min="1" max="1" width="41.140625" customWidth="1"/>
    <col min="2" max="21" width="8.5703125" customWidth="1"/>
    <col min="22" max="22" width="12" customWidth="1"/>
    <col min="23" max="23" width="14.7109375" customWidth="1"/>
    <col min="24" max="24" width="13.28515625" customWidth="1"/>
    <col min="25" max="25" width="16.85546875" customWidth="1"/>
    <col min="26" max="1025" width="8.5703125" customWidth="1"/>
  </cols>
  <sheetData>
    <row r="1" spans="1:25" ht="45" x14ac:dyDescent="0.25">
      <c r="A1" s="1" t="s">
        <v>0</v>
      </c>
      <c r="B1" s="1" t="s">
        <v>1</v>
      </c>
      <c r="C1" s="2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1" t="s">
        <v>9</v>
      </c>
      <c r="K1" s="1" t="s">
        <v>10</v>
      </c>
      <c r="L1" s="1" t="s">
        <v>11</v>
      </c>
      <c r="M1" s="2" t="s">
        <v>12</v>
      </c>
      <c r="N1" s="1" t="s">
        <v>13</v>
      </c>
      <c r="O1" s="3" t="s">
        <v>14</v>
      </c>
      <c r="P1" s="1" t="s">
        <v>15</v>
      </c>
      <c r="Q1" s="1" t="s">
        <v>16</v>
      </c>
      <c r="R1" s="1" t="s">
        <v>17</v>
      </c>
      <c r="S1" s="1" t="s">
        <v>18</v>
      </c>
      <c r="T1" s="1" t="s">
        <v>19</v>
      </c>
      <c r="U1" s="1" t="s">
        <v>20</v>
      </c>
      <c r="V1" s="1" t="s">
        <v>21</v>
      </c>
      <c r="W1" s="1" t="s">
        <v>22</v>
      </c>
      <c r="X1" s="1" t="s">
        <v>23</v>
      </c>
      <c r="Y1" t="s">
        <v>24</v>
      </c>
    </row>
    <row r="2" spans="1:25" x14ac:dyDescent="0.25">
      <c r="A2" s="4"/>
      <c r="B2">
        <v>4.5</v>
      </c>
      <c r="C2" s="5">
        <v>3</v>
      </c>
      <c r="D2">
        <v>9</v>
      </c>
      <c r="E2">
        <v>7</v>
      </c>
      <c r="F2">
        <v>6</v>
      </c>
      <c r="G2">
        <v>7</v>
      </c>
      <c r="H2">
        <v>6</v>
      </c>
      <c r="I2">
        <v>6</v>
      </c>
      <c r="J2">
        <v>7</v>
      </c>
      <c r="K2">
        <v>6</v>
      </c>
      <c r="L2">
        <v>3</v>
      </c>
      <c r="M2" s="5">
        <v>3</v>
      </c>
      <c r="N2">
        <v>9</v>
      </c>
      <c r="O2">
        <v>8</v>
      </c>
      <c r="P2">
        <v>7</v>
      </c>
      <c r="Q2">
        <v>6</v>
      </c>
      <c r="R2">
        <v>8</v>
      </c>
      <c r="S2">
        <v>6</v>
      </c>
      <c r="T2">
        <v>5</v>
      </c>
      <c r="U2">
        <v>7</v>
      </c>
      <c r="V2">
        <v>5</v>
      </c>
      <c r="W2">
        <v>5</v>
      </c>
      <c r="X2">
        <v>6</v>
      </c>
    </row>
    <row r="3" spans="1:25" x14ac:dyDescent="0.25">
      <c r="A3" s="4"/>
      <c r="B3">
        <v>12</v>
      </c>
      <c r="C3" s="5">
        <v>5</v>
      </c>
      <c r="D3">
        <v>6</v>
      </c>
      <c r="E3">
        <v>7</v>
      </c>
      <c r="F3">
        <v>6</v>
      </c>
      <c r="G3">
        <v>8</v>
      </c>
      <c r="H3">
        <v>3</v>
      </c>
      <c r="I3">
        <v>8</v>
      </c>
      <c r="J3">
        <v>6</v>
      </c>
      <c r="K3">
        <v>8</v>
      </c>
      <c r="L3">
        <v>8</v>
      </c>
      <c r="M3" s="5">
        <v>8</v>
      </c>
      <c r="N3">
        <v>9</v>
      </c>
      <c r="O3">
        <v>9</v>
      </c>
      <c r="P3">
        <v>9</v>
      </c>
      <c r="Q3">
        <v>9</v>
      </c>
      <c r="R3">
        <v>9</v>
      </c>
      <c r="S3">
        <v>6</v>
      </c>
      <c r="T3">
        <v>9</v>
      </c>
      <c r="U3">
        <v>8</v>
      </c>
      <c r="V3">
        <v>8</v>
      </c>
      <c r="W3">
        <v>9</v>
      </c>
      <c r="X3">
        <v>9</v>
      </c>
    </row>
    <row r="4" spans="1:25" x14ac:dyDescent="0.25">
      <c r="A4" s="4"/>
      <c r="B4">
        <v>10</v>
      </c>
      <c r="C4" s="5">
        <v>4</v>
      </c>
      <c r="D4">
        <v>7</v>
      </c>
      <c r="E4">
        <v>5</v>
      </c>
      <c r="F4">
        <v>8</v>
      </c>
      <c r="G4">
        <v>5</v>
      </c>
      <c r="H4">
        <v>5</v>
      </c>
      <c r="I4">
        <v>5</v>
      </c>
      <c r="J4">
        <v>7</v>
      </c>
      <c r="K4">
        <v>7</v>
      </c>
      <c r="L4">
        <v>5</v>
      </c>
      <c r="M4" s="5">
        <v>5</v>
      </c>
      <c r="N4">
        <v>7</v>
      </c>
      <c r="O4">
        <v>7</v>
      </c>
      <c r="P4">
        <v>6</v>
      </c>
      <c r="Q4">
        <v>8</v>
      </c>
      <c r="R4">
        <v>6</v>
      </c>
      <c r="S4">
        <v>5</v>
      </c>
      <c r="T4">
        <v>6</v>
      </c>
      <c r="U4">
        <v>8</v>
      </c>
      <c r="V4">
        <v>7</v>
      </c>
      <c r="W4">
        <v>6</v>
      </c>
      <c r="X4">
        <v>6</v>
      </c>
    </row>
    <row r="5" spans="1:25" x14ac:dyDescent="0.25">
      <c r="A5" s="4"/>
      <c r="B5">
        <v>9</v>
      </c>
      <c r="C5" s="5">
        <v>4</v>
      </c>
      <c r="D5">
        <v>9</v>
      </c>
      <c r="E5">
        <v>5</v>
      </c>
      <c r="F5">
        <v>6</v>
      </c>
      <c r="G5">
        <v>6</v>
      </c>
      <c r="H5">
        <v>5</v>
      </c>
      <c r="I5">
        <v>9</v>
      </c>
      <c r="J5">
        <v>6</v>
      </c>
      <c r="K5">
        <v>5</v>
      </c>
      <c r="L5">
        <v>7</v>
      </c>
      <c r="M5" s="5">
        <v>5</v>
      </c>
      <c r="N5">
        <v>8</v>
      </c>
      <c r="O5">
        <v>7</v>
      </c>
      <c r="P5">
        <v>6</v>
      </c>
      <c r="Q5">
        <v>6</v>
      </c>
      <c r="R5">
        <v>9</v>
      </c>
      <c r="S5">
        <v>6</v>
      </c>
      <c r="T5">
        <v>6</v>
      </c>
      <c r="U5">
        <v>8</v>
      </c>
      <c r="V5">
        <v>5</v>
      </c>
      <c r="W5">
        <v>5</v>
      </c>
      <c r="X5">
        <v>8</v>
      </c>
    </row>
    <row r="6" spans="1:25" x14ac:dyDescent="0.25">
      <c r="A6" s="4"/>
      <c r="B6">
        <v>12</v>
      </c>
      <c r="C6" s="5">
        <v>2</v>
      </c>
      <c r="D6">
        <v>9</v>
      </c>
      <c r="E6">
        <v>4</v>
      </c>
      <c r="F6">
        <v>7</v>
      </c>
      <c r="G6">
        <v>1</v>
      </c>
      <c r="H6">
        <v>6</v>
      </c>
      <c r="I6">
        <v>8</v>
      </c>
      <c r="J6">
        <v>5</v>
      </c>
      <c r="K6">
        <v>3</v>
      </c>
      <c r="L6">
        <v>2</v>
      </c>
      <c r="M6" s="5">
        <v>1</v>
      </c>
      <c r="N6">
        <v>7</v>
      </c>
      <c r="O6">
        <v>3</v>
      </c>
      <c r="P6">
        <v>6</v>
      </c>
      <c r="Q6">
        <v>1</v>
      </c>
      <c r="R6">
        <v>9</v>
      </c>
      <c r="S6">
        <v>4</v>
      </c>
      <c r="T6">
        <v>1</v>
      </c>
      <c r="U6">
        <v>8</v>
      </c>
      <c r="V6">
        <v>1</v>
      </c>
      <c r="W6">
        <v>5</v>
      </c>
      <c r="X6">
        <v>2</v>
      </c>
    </row>
    <row r="7" spans="1:25" x14ac:dyDescent="0.25">
      <c r="A7" s="4"/>
      <c r="B7">
        <v>25</v>
      </c>
      <c r="C7" s="5">
        <v>4</v>
      </c>
      <c r="D7">
        <v>7</v>
      </c>
      <c r="E7">
        <v>7</v>
      </c>
      <c r="F7">
        <v>8</v>
      </c>
      <c r="G7">
        <v>5</v>
      </c>
      <c r="H7">
        <v>8</v>
      </c>
      <c r="I7">
        <v>8</v>
      </c>
      <c r="J7">
        <v>9</v>
      </c>
      <c r="K7">
        <v>6</v>
      </c>
      <c r="L7">
        <v>6</v>
      </c>
      <c r="M7" s="5">
        <v>3</v>
      </c>
      <c r="N7">
        <v>9</v>
      </c>
      <c r="O7">
        <v>8</v>
      </c>
      <c r="P7">
        <v>7</v>
      </c>
      <c r="Q7">
        <v>5</v>
      </c>
      <c r="R7">
        <v>8</v>
      </c>
      <c r="S7">
        <v>7</v>
      </c>
      <c r="T7">
        <v>6</v>
      </c>
      <c r="U7">
        <v>8</v>
      </c>
      <c r="V7">
        <v>8</v>
      </c>
      <c r="W7">
        <v>9</v>
      </c>
      <c r="X7">
        <v>8</v>
      </c>
    </row>
    <row r="8" spans="1:25" x14ac:dyDescent="0.25">
      <c r="A8" s="4"/>
      <c r="B8">
        <v>5</v>
      </c>
      <c r="C8" s="5">
        <v>4</v>
      </c>
      <c r="D8">
        <v>9</v>
      </c>
      <c r="E8">
        <v>5</v>
      </c>
      <c r="F8">
        <v>9</v>
      </c>
      <c r="G8">
        <v>7</v>
      </c>
      <c r="H8">
        <v>7</v>
      </c>
      <c r="I8">
        <v>9</v>
      </c>
      <c r="J8">
        <v>9</v>
      </c>
      <c r="K8">
        <v>5</v>
      </c>
      <c r="L8">
        <v>3</v>
      </c>
      <c r="M8" s="5">
        <v>5</v>
      </c>
      <c r="N8">
        <v>8</v>
      </c>
      <c r="O8">
        <v>9</v>
      </c>
      <c r="P8">
        <v>5</v>
      </c>
      <c r="Q8">
        <v>5</v>
      </c>
      <c r="R8">
        <v>8</v>
      </c>
      <c r="S8">
        <v>9</v>
      </c>
      <c r="T8">
        <v>7</v>
      </c>
      <c r="U8">
        <v>9</v>
      </c>
      <c r="V8">
        <v>5</v>
      </c>
      <c r="W8">
        <v>5</v>
      </c>
      <c r="X8">
        <v>5</v>
      </c>
    </row>
    <row r="9" spans="1:25" x14ac:dyDescent="0.25">
      <c r="A9" s="4"/>
      <c r="B9">
        <v>15</v>
      </c>
      <c r="C9" s="5">
        <v>4</v>
      </c>
      <c r="D9">
        <v>8</v>
      </c>
      <c r="E9">
        <v>5</v>
      </c>
      <c r="F9">
        <v>6</v>
      </c>
      <c r="G9">
        <v>8</v>
      </c>
      <c r="H9">
        <v>8</v>
      </c>
      <c r="I9">
        <v>6</v>
      </c>
      <c r="J9">
        <v>8</v>
      </c>
      <c r="K9">
        <v>7</v>
      </c>
      <c r="L9">
        <v>5</v>
      </c>
      <c r="M9" s="5">
        <v>6</v>
      </c>
      <c r="N9">
        <v>9</v>
      </c>
      <c r="O9">
        <v>9</v>
      </c>
      <c r="P9">
        <v>7</v>
      </c>
      <c r="Q9">
        <v>6</v>
      </c>
      <c r="R9">
        <v>8</v>
      </c>
      <c r="S9">
        <v>9</v>
      </c>
      <c r="T9">
        <v>9</v>
      </c>
      <c r="U9">
        <v>9</v>
      </c>
      <c r="V9">
        <v>5</v>
      </c>
      <c r="W9">
        <v>8</v>
      </c>
      <c r="X9">
        <v>8</v>
      </c>
    </row>
    <row r="10" spans="1:25" x14ac:dyDescent="0.25">
      <c r="A10" s="4"/>
      <c r="B10">
        <v>9</v>
      </c>
      <c r="C10" s="5">
        <v>3</v>
      </c>
      <c r="D10">
        <v>8</v>
      </c>
      <c r="E10">
        <v>6</v>
      </c>
      <c r="F10">
        <v>7</v>
      </c>
      <c r="G10">
        <v>6</v>
      </c>
      <c r="H10">
        <v>4</v>
      </c>
      <c r="I10">
        <v>6</v>
      </c>
      <c r="J10">
        <v>5</v>
      </c>
      <c r="K10">
        <v>5</v>
      </c>
      <c r="L10">
        <v>4</v>
      </c>
      <c r="M10" s="5">
        <v>3</v>
      </c>
      <c r="N10" s="6">
        <v>9</v>
      </c>
      <c r="O10" s="6">
        <v>8</v>
      </c>
      <c r="P10" s="6">
        <v>6</v>
      </c>
      <c r="Q10" s="6">
        <v>5</v>
      </c>
      <c r="R10" s="6">
        <v>8</v>
      </c>
      <c r="S10" s="6">
        <v>8</v>
      </c>
      <c r="T10" s="6">
        <v>6</v>
      </c>
      <c r="U10" s="6">
        <v>6</v>
      </c>
      <c r="V10" s="6">
        <v>5</v>
      </c>
      <c r="W10" s="6">
        <v>3</v>
      </c>
      <c r="X10" s="6">
        <v>7</v>
      </c>
    </row>
    <row r="11" spans="1:25" x14ac:dyDescent="0.25">
      <c r="A11" s="4"/>
      <c r="B11">
        <v>14</v>
      </c>
      <c r="C11" s="7">
        <v>3</v>
      </c>
      <c r="D11">
        <v>8</v>
      </c>
      <c r="E11">
        <v>8</v>
      </c>
      <c r="F11">
        <v>1</v>
      </c>
      <c r="G11">
        <v>3</v>
      </c>
      <c r="H11">
        <v>8</v>
      </c>
      <c r="I11">
        <v>8</v>
      </c>
      <c r="J11">
        <v>1</v>
      </c>
      <c r="K11">
        <v>1</v>
      </c>
      <c r="L11">
        <v>6</v>
      </c>
      <c r="M11" s="7">
        <v>6</v>
      </c>
      <c r="N11" s="6">
        <v>9</v>
      </c>
      <c r="O11" s="6">
        <v>8</v>
      </c>
      <c r="P11" s="6">
        <v>8</v>
      </c>
      <c r="Q11" s="6">
        <v>2</v>
      </c>
      <c r="R11" s="6">
        <v>8</v>
      </c>
      <c r="S11" s="6">
        <v>3</v>
      </c>
      <c r="T11" s="6">
        <v>3</v>
      </c>
      <c r="U11" s="6">
        <v>9</v>
      </c>
      <c r="V11" s="6">
        <v>2</v>
      </c>
      <c r="W11" s="6">
        <v>7</v>
      </c>
      <c r="X11" s="6">
        <v>8</v>
      </c>
    </row>
    <row r="12" spans="1:25" x14ac:dyDescent="0.25">
      <c r="A12" s="4"/>
      <c r="B12">
        <v>5</v>
      </c>
      <c r="C12" s="7">
        <v>3</v>
      </c>
      <c r="D12">
        <v>9</v>
      </c>
      <c r="E12">
        <v>3</v>
      </c>
      <c r="F12">
        <v>3</v>
      </c>
      <c r="G12">
        <v>6</v>
      </c>
      <c r="H12">
        <v>6</v>
      </c>
      <c r="I12">
        <v>9</v>
      </c>
      <c r="J12">
        <v>4</v>
      </c>
      <c r="K12">
        <v>4</v>
      </c>
      <c r="L12">
        <v>4</v>
      </c>
      <c r="M12" s="7">
        <v>1</v>
      </c>
      <c r="N12" s="6">
        <v>9</v>
      </c>
      <c r="O12" s="6">
        <v>7</v>
      </c>
      <c r="P12" s="6">
        <v>7</v>
      </c>
      <c r="Q12" s="6">
        <v>7</v>
      </c>
      <c r="R12" s="6">
        <v>8</v>
      </c>
      <c r="S12" s="6">
        <v>3</v>
      </c>
      <c r="T12" s="6">
        <v>3</v>
      </c>
      <c r="U12" s="6">
        <v>5</v>
      </c>
      <c r="V12" s="6">
        <v>3</v>
      </c>
      <c r="W12" s="6">
        <v>3</v>
      </c>
      <c r="X12" s="6">
        <v>7</v>
      </c>
    </row>
    <row r="13" spans="1:25" x14ac:dyDescent="0.25">
      <c r="A13" s="4"/>
      <c r="B13">
        <v>8</v>
      </c>
      <c r="C13" s="7">
        <v>3</v>
      </c>
      <c r="D13" s="8">
        <v>8</v>
      </c>
      <c r="E13" s="6">
        <v>7</v>
      </c>
      <c r="F13" s="6">
        <v>5</v>
      </c>
      <c r="G13" s="6">
        <v>6</v>
      </c>
      <c r="H13" s="6">
        <v>8</v>
      </c>
      <c r="I13" s="6">
        <v>7</v>
      </c>
      <c r="J13" s="6">
        <v>5</v>
      </c>
      <c r="K13" s="6">
        <v>7</v>
      </c>
      <c r="L13" s="6">
        <v>8</v>
      </c>
      <c r="M13" s="7">
        <v>8</v>
      </c>
      <c r="N13" s="8">
        <v>8</v>
      </c>
      <c r="O13" s="6">
        <v>8</v>
      </c>
      <c r="P13" s="6">
        <v>7</v>
      </c>
      <c r="Q13" s="6">
        <v>7</v>
      </c>
      <c r="R13" s="6">
        <v>8</v>
      </c>
      <c r="S13" s="6">
        <v>6</v>
      </c>
      <c r="T13" s="6">
        <v>6</v>
      </c>
      <c r="U13" s="6">
        <v>7</v>
      </c>
      <c r="V13" s="6">
        <v>7</v>
      </c>
      <c r="W13" s="6">
        <v>8</v>
      </c>
      <c r="X13" s="6">
        <v>8</v>
      </c>
    </row>
    <row r="14" spans="1:25" x14ac:dyDescent="0.25">
      <c r="A14" s="4"/>
      <c r="B14">
        <v>9</v>
      </c>
      <c r="C14" s="7">
        <v>3</v>
      </c>
      <c r="D14" s="8">
        <v>9</v>
      </c>
      <c r="E14" s="6">
        <v>9</v>
      </c>
      <c r="F14" s="6">
        <v>4</v>
      </c>
      <c r="G14" s="6">
        <v>5</v>
      </c>
      <c r="H14" s="6">
        <v>9</v>
      </c>
      <c r="I14" s="6">
        <v>9</v>
      </c>
      <c r="J14" s="6">
        <v>6</v>
      </c>
      <c r="K14" s="6">
        <v>3</v>
      </c>
      <c r="L14" s="6">
        <v>6</v>
      </c>
      <c r="M14" s="7">
        <v>9</v>
      </c>
      <c r="N14" s="8">
        <v>9</v>
      </c>
      <c r="O14" s="6">
        <v>9</v>
      </c>
      <c r="P14" s="6">
        <v>9</v>
      </c>
      <c r="Q14" s="6">
        <v>9</v>
      </c>
      <c r="R14" s="6">
        <v>9</v>
      </c>
      <c r="S14" s="6">
        <v>9</v>
      </c>
      <c r="T14" s="6">
        <v>9</v>
      </c>
      <c r="U14" s="6">
        <v>5</v>
      </c>
      <c r="V14" s="6">
        <v>9</v>
      </c>
      <c r="W14" s="6">
        <v>7</v>
      </c>
      <c r="X14" s="6">
        <v>7</v>
      </c>
    </row>
    <row r="15" spans="1:25" x14ac:dyDescent="0.25">
      <c r="A15" s="4"/>
      <c r="B15">
        <v>13</v>
      </c>
      <c r="C15" s="7">
        <v>2</v>
      </c>
      <c r="D15" s="8">
        <v>8</v>
      </c>
      <c r="E15" s="6">
        <v>6</v>
      </c>
      <c r="F15" s="6">
        <v>6</v>
      </c>
      <c r="G15" s="6">
        <v>6</v>
      </c>
      <c r="H15" s="6">
        <v>7</v>
      </c>
      <c r="I15" s="6">
        <v>8</v>
      </c>
      <c r="J15" s="6">
        <v>8</v>
      </c>
      <c r="K15" s="6">
        <v>8</v>
      </c>
      <c r="L15" s="6">
        <v>3</v>
      </c>
      <c r="M15" s="7">
        <v>4</v>
      </c>
      <c r="N15" s="8">
        <v>9</v>
      </c>
      <c r="O15" s="6">
        <v>8</v>
      </c>
      <c r="P15" s="6">
        <v>5</v>
      </c>
      <c r="Q15" s="6">
        <v>4</v>
      </c>
      <c r="R15" s="6">
        <v>7</v>
      </c>
      <c r="S15" s="6">
        <v>8</v>
      </c>
      <c r="T15" s="6">
        <v>7</v>
      </c>
      <c r="U15" s="6">
        <v>8</v>
      </c>
      <c r="V15" s="6">
        <v>5</v>
      </c>
      <c r="W15" s="6">
        <v>2</v>
      </c>
      <c r="X15" s="6">
        <v>7</v>
      </c>
    </row>
    <row r="16" spans="1:25" x14ac:dyDescent="0.25">
      <c r="A16" s="4"/>
      <c r="B16">
        <v>5</v>
      </c>
      <c r="C16" s="7">
        <v>4</v>
      </c>
      <c r="D16" s="8">
        <v>5</v>
      </c>
      <c r="E16" s="6">
        <v>7</v>
      </c>
      <c r="F16" s="6">
        <v>5</v>
      </c>
      <c r="G16" s="6">
        <v>2</v>
      </c>
      <c r="H16" s="6">
        <v>5</v>
      </c>
      <c r="I16" s="6">
        <v>7</v>
      </c>
      <c r="J16" s="6">
        <v>5</v>
      </c>
      <c r="K16" s="6">
        <v>5</v>
      </c>
      <c r="L16" s="6">
        <v>7</v>
      </c>
      <c r="M16" s="7">
        <v>6</v>
      </c>
      <c r="N16" s="8">
        <v>8</v>
      </c>
      <c r="O16" s="6">
        <v>6</v>
      </c>
      <c r="P16" s="6">
        <v>6</v>
      </c>
      <c r="Q16" s="6">
        <v>7</v>
      </c>
      <c r="R16" s="6">
        <v>8</v>
      </c>
      <c r="S16" s="6">
        <v>6</v>
      </c>
      <c r="T16" s="6">
        <v>7</v>
      </c>
      <c r="U16" s="6">
        <v>7</v>
      </c>
      <c r="V16" s="6">
        <v>7</v>
      </c>
      <c r="W16" s="6">
        <v>7</v>
      </c>
      <c r="X16" s="6">
        <v>7</v>
      </c>
    </row>
    <row r="17" spans="1:24" x14ac:dyDescent="0.25">
      <c r="A17" s="4"/>
      <c r="B17">
        <v>25</v>
      </c>
      <c r="C17" s="7">
        <v>4</v>
      </c>
      <c r="D17" s="8">
        <v>9</v>
      </c>
      <c r="E17" s="6">
        <v>7</v>
      </c>
      <c r="F17" s="6">
        <v>3</v>
      </c>
      <c r="G17" s="6">
        <v>5</v>
      </c>
      <c r="H17" s="6">
        <v>3</v>
      </c>
      <c r="I17" s="6">
        <v>8</v>
      </c>
      <c r="J17" s="6">
        <v>2</v>
      </c>
      <c r="K17" s="6">
        <v>1</v>
      </c>
      <c r="L17" s="6">
        <v>4</v>
      </c>
      <c r="M17" s="7">
        <v>6</v>
      </c>
      <c r="N17" s="8">
        <v>9</v>
      </c>
      <c r="O17" s="6">
        <v>2</v>
      </c>
      <c r="P17" s="6">
        <v>8</v>
      </c>
      <c r="Q17" s="6">
        <v>1</v>
      </c>
      <c r="R17" s="6">
        <v>7</v>
      </c>
      <c r="S17" s="6">
        <v>3</v>
      </c>
      <c r="T17" s="6">
        <v>2</v>
      </c>
      <c r="U17" s="6">
        <v>6</v>
      </c>
      <c r="V17" s="6">
        <v>4</v>
      </c>
      <c r="W17" s="6">
        <v>5</v>
      </c>
      <c r="X17" s="6">
        <v>3</v>
      </c>
    </row>
    <row r="18" spans="1:24" x14ac:dyDescent="0.25">
      <c r="A18" s="4"/>
      <c r="B18">
        <v>6</v>
      </c>
      <c r="C18" s="7">
        <v>4</v>
      </c>
      <c r="D18" s="9">
        <v>9</v>
      </c>
      <c r="E18" s="6">
        <v>6</v>
      </c>
      <c r="F18" s="6">
        <v>6</v>
      </c>
      <c r="G18" s="6">
        <v>6</v>
      </c>
      <c r="H18" s="6">
        <v>7</v>
      </c>
      <c r="I18" s="6">
        <v>7</v>
      </c>
      <c r="J18" s="6">
        <v>5</v>
      </c>
      <c r="K18" s="6">
        <v>6</v>
      </c>
      <c r="L18" s="6">
        <v>2</v>
      </c>
      <c r="M18" s="7">
        <v>2</v>
      </c>
      <c r="N18" s="9">
        <v>9</v>
      </c>
      <c r="O18" s="6">
        <v>7</v>
      </c>
      <c r="P18" s="6">
        <v>8</v>
      </c>
      <c r="Q18" s="6">
        <v>6</v>
      </c>
      <c r="R18" s="6">
        <v>9</v>
      </c>
      <c r="S18" s="6">
        <v>7</v>
      </c>
      <c r="T18" s="6">
        <v>6</v>
      </c>
      <c r="U18" s="6">
        <v>7</v>
      </c>
      <c r="V18" s="6">
        <v>8</v>
      </c>
      <c r="W18" s="6">
        <v>8</v>
      </c>
      <c r="X18" s="6">
        <v>9</v>
      </c>
    </row>
    <row r="19" spans="1:24" x14ac:dyDescent="0.25">
      <c r="A19" s="4"/>
      <c r="B19">
        <v>18</v>
      </c>
      <c r="C19" s="7">
        <v>2</v>
      </c>
      <c r="D19" s="8">
        <v>9</v>
      </c>
      <c r="E19" s="6">
        <v>2</v>
      </c>
      <c r="F19" s="6">
        <v>7</v>
      </c>
      <c r="G19" s="6">
        <v>1</v>
      </c>
      <c r="H19" s="6">
        <v>8</v>
      </c>
      <c r="I19" s="6">
        <v>7</v>
      </c>
      <c r="J19" s="6">
        <v>7</v>
      </c>
      <c r="K19" s="6">
        <v>5</v>
      </c>
      <c r="L19" s="6">
        <v>5</v>
      </c>
      <c r="M19" s="7">
        <v>6</v>
      </c>
      <c r="N19" s="8">
        <v>9</v>
      </c>
      <c r="O19" s="6">
        <v>7</v>
      </c>
      <c r="P19" s="6">
        <v>7</v>
      </c>
      <c r="Q19" s="6">
        <v>4</v>
      </c>
      <c r="R19" s="6">
        <v>8</v>
      </c>
      <c r="S19" s="6">
        <v>7</v>
      </c>
      <c r="T19" s="6">
        <v>7</v>
      </c>
      <c r="U19" s="6">
        <v>5</v>
      </c>
      <c r="V19" s="6">
        <v>8</v>
      </c>
      <c r="W19" s="6">
        <v>6</v>
      </c>
      <c r="X19" s="6">
        <v>7</v>
      </c>
    </row>
    <row r="20" spans="1:24" x14ac:dyDescent="0.25">
      <c r="A20" s="4"/>
      <c r="B20">
        <v>0.33</v>
      </c>
      <c r="C20" s="7">
        <v>1</v>
      </c>
      <c r="D20" s="8">
        <v>8</v>
      </c>
      <c r="E20" s="6">
        <v>5</v>
      </c>
      <c r="F20" s="6">
        <v>6</v>
      </c>
      <c r="G20" s="6">
        <v>4</v>
      </c>
      <c r="H20" s="6">
        <v>8</v>
      </c>
      <c r="I20" s="6">
        <v>5</v>
      </c>
      <c r="J20" s="6">
        <v>9</v>
      </c>
      <c r="K20" s="6">
        <v>3</v>
      </c>
      <c r="L20" s="6">
        <v>3</v>
      </c>
      <c r="M20" s="7">
        <v>3</v>
      </c>
      <c r="N20" s="8">
        <v>8</v>
      </c>
      <c r="O20" s="6">
        <v>6</v>
      </c>
      <c r="P20" s="6">
        <v>7</v>
      </c>
      <c r="Q20" s="6">
        <v>5</v>
      </c>
      <c r="R20" s="6">
        <v>9</v>
      </c>
      <c r="S20" s="6">
        <v>9</v>
      </c>
      <c r="T20" s="6">
        <v>6</v>
      </c>
      <c r="U20" s="6">
        <v>8</v>
      </c>
      <c r="V20" s="6">
        <v>6</v>
      </c>
      <c r="W20" s="6">
        <v>4</v>
      </c>
      <c r="X20" s="6">
        <v>4</v>
      </c>
    </row>
    <row r="21" spans="1:24" x14ac:dyDescent="0.25">
      <c r="A21" s="4"/>
      <c r="B21">
        <v>4</v>
      </c>
      <c r="C21" s="7">
        <v>3</v>
      </c>
      <c r="D21" s="8">
        <v>8</v>
      </c>
      <c r="E21" s="6">
        <v>4</v>
      </c>
      <c r="F21" s="6">
        <v>6</v>
      </c>
      <c r="G21" s="6">
        <v>2</v>
      </c>
      <c r="H21" s="6">
        <v>2</v>
      </c>
      <c r="I21" s="6">
        <v>9</v>
      </c>
      <c r="J21" s="6">
        <v>5</v>
      </c>
      <c r="K21" s="6">
        <v>4</v>
      </c>
      <c r="L21" s="6">
        <v>2</v>
      </c>
      <c r="M21" s="7">
        <v>2</v>
      </c>
      <c r="N21" s="8">
        <v>8</v>
      </c>
      <c r="O21" s="6">
        <v>8</v>
      </c>
      <c r="P21" s="6">
        <v>2</v>
      </c>
      <c r="Q21" s="6">
        <v>2</v>
      </c>
      <c r="R21" s="6">
        <v>5</v>
      </c>
      <c r="S21" s="6">
        <v>5</v>
      </c>
      <c r="T21" s="6">
        <v>1</v>
      </c>
      <c r="U21" s="6">
        <v>4</v>
      </c>
      <c r="V21" s="6">
        <v>7</v>
      </c>
      <c r="W21" s="6">
        <v>1</v>
      </c>
      <c r="X21" s="6">
        <v>3</v>
      </c>
    </row>
    <row r="22" spans="1:24" x14ac:dyDescent="0.25">
      <c r="A22" s="4"/>
      <c r="B22">
        <v>8</v>
      </c>
      <c r="C22" s="7">
        <v>4</v>
      </c>
      <c r="D22" s="8">
        <v>9</v>
      </c>
      <c r="E22" s="6">
        <v>8</v>
      </c>
      <c r="F22" s="6">
        <v>3</v>
      </c>
      <c r="G22" s="6">
        <v>6</v>
      </c>
      <c r="H22" s="6">
        <v>9</v>
      </c>
      <c r="I22" s="6">
        <v>9</v>
      </c>
      <c r="J22" s="6">
        <v>3</v>
      </c>
      <c r="K22" s="6">
        <v>4</v>
      </c>
      <c r="L22" s="6">
        <v>2</v>
      </c>
      <c r="M22" s="7">
        <v>8</v>
      </c>
      <c r="N22" s="8">
        <v>9</v>
      </c>
      <c r="O22" s="6">
        <v>9</v>
      </c>
      <c r="P22" s="6">
        <v>9</v>
      </c>
      <c r="Q22" s="6">
        <v>8</v>
      </c>
      <c r="R22" s="6">
        <v>9</v>
      </c>
      <c r="S22" s="6">
        <v>3</v>
      </c>
      <c r="T22" s="6">
        <v>6</v>
      </c>
      <c r="U22" s="6">
        <v>6</v>
      </c>
      <c r="V22" s="6">
        <v>8</v>
      </c>
      <c r="W22" s="6">
        <v>7</v>
      </c>
      <c r="X22" s="6">
        <v>8</v>
      </c>
    </row>
    <row r="23" spans="1:24" x14ac:dyDescent="0.25">
      <c r="A23" s="4"/>
      <c r="B23">
        <v>5</v>
      </c>
      <c r="C23" s="7">
        <v>2</v>
      </c>
      <c r="D23" s="8">
        <v>9</v>
      </c>
      <c r="E23" s="6">
        <v>7</v>
      </c>
      <c r="F23" s="6">
        <v>5</v>
      </c>
      <c r="G23" s="6">
        <v>5</v>
      </c>
      <c r="H23" s="6">
        <v>5</v>
      </c>
      <c r="I23" s="6">
        <v>8</v>
      </c>
      <c r="J23" s="6">
        <v>5</v>
      </c>
      <c r="K23" s="6">
        <v>5</v>
      </c>
      <c r="L23" s="6">
        <v>5</v>
      </c>
      <c r="M23" s="7">
        <v>4</v>
      </c>
      <c r="N23" s="8">
        <v>9</v>
      </c>
      <c r="O23" s="6">
        <v>8</v>
      </c>
      <c r="P23" s="6">
        <v>8</v>
      </c>
      <c r="Q23" s="6">
        <v>7</v>
      </c>
      <c r="R23" s="6">
        <v>9</v>
      </c>
      <c r="S23" s="6">
        <v>6</v>
      </c>
      <c r="T23" s="6">
        <v>7</v>
      </c>
      <c r="U23" s="6">
        <v>9</v>
      </c>
      <c r="V23" s="6">
        <v>8</v>
      </c>
      <c r="W23" s="6">
        <v>8</v>
      </c>
      <c r="X23" s="6">
        <v>8</v>
      </c>
    </row>
    <row r="24" spans="1:24" x14ac:dyDescent="0.25">
      <c r="A24" s="4"/>
      <c r="B24">
        <v>4</v>
      </c>
      <c r="C24" s="7">
        <v>3</v>
      </c>
      <c r="D24" s="8">
        <v>1</v>
      </c>
      <c r="E24" s="6">
        <v>9</v>
      </c>
      <c r="F24" s="6">
        <v>5</v>
      </c>
      <c r="G24" s="6">
        <v>1</v>
      </c>
      <c r="H24" s="6">
        <v>3</v>
      </c>
      <c r="I24" s="6">
        <v>9</v>
      </c>
      <c r="J24" s="6">
        <v>5</v>
      </c>
      <c r="K24" s="6">
        <v>2</v>
      </c>
      <c r="L24" s="6">
        <v>4</v>
      </c>
      <c r="M24" s="7">
        <v>1</v>
      </c>
      <c r="N24" s="8">
        <v>9</v>
      </c>
      <c r="O24" s="6">
        <v>9</v>
      </c>
      <c r="P24" s="6">
        <v>9</v>
      </c>
      <c r="Q24" s="6">
        <v>2</v>
      </c>
      <c r="R24" s="6">
        <v>9</v>
      </c>
      <c r="S24" s="6">
        <v>5</v>
      </c>
      <c r="T24" s="6">
        <v>1</v>
      </c>
      <c r="U24" s="6">
        <v>9</v>
      </c>
      <c r="V24" s="6">
        <v>5</v>
      </c>
      <c r="W24" s="6">
        <v>6</v>
      </c>
      <c r="X24" s="6">
        <v>6</v>
      </c>
    </row>
    <row r="25" spans="1:24" x14ac:dyDescent="0.25">
      <c r="A25" s="4"/>
      <c r="B25">
        <v>4</v>
      </c>
      <c r="C25" s="6">
        <v>2</v>
      </c>
      <c r="D25" s="9">
        <v>3</v>
      </c>
      <c r="E25" s="6">
        <v>7</v>
      </c>
      <c r="F25" s="6">
        <v>5</v>
      </c>
      <c r="G25" s="6">
        <v>5</v>
      </c>
      <c r="H25" s="6">
        <v>8</v>
      </c>
      <c r="I25" s="6">
        <v>9</v>
      </c>
      <c r="J25" s="6">
        <v>6</v>
      </c>
      <c r="K25" s="6">
        <v>6</v>
      </c>
      <c r="L25" s="6">
        <v>8</v>
      </c>
      <c r="M25" s="6">
        <v>4</v>
      </c>
      <c r="N25" s="9">
        <v>9</v>
      </c>
      <c r="O25" s="6">
        <v>7</v>
      </c>
      <c r="P25" s="6">
        <v>7</v>
      </c>
      <c r="Q25" s="6">
        <v>8</v>
      </c>
      <c r="R25" s="6">
        <v>9</v>
      </c>
      <c r="S25" s="6">
        <v>6</v>
      </c>
      <c r="T25" s="6">
        <v>6</v>
      </c>
      <c r="U25" s="6">
        <v>4</v>
      </c>
      <c r="V25" s="6">
        <v>4</v>
      </c>
      <c r="W25" s="6">
        <v>7</v>
      </c>
      <c r="X25" s="6">
        <v>7</v>
      </c>
    </row>
    <row r="26" spans="1:24" x14ac:dyDescent="0.25">
      <c r="A26" s="4"/>
      <c r="B26">
        <v>3</v>
      </c>
      <c r="C26" s="7">
        <v>2</v>
      </c>
      <c r="D26" s="9">
        <v>8</v>
      </c>
      <c r="E26" s="6">
        <v>7</v>
      </c>
      <c r="F26" s="6">
        <v>6</v>
      </c>
      <c r="G26" s="6">
        <v>3</v>
      </c>
      <c r="H26" s="6">
        <v>8</v>
      </c>
      <c r="I26" s="6">
        <v>9</v>
      </c>
      <c r="J26" s="6">
        <v>7</v>
      </c>
      <c r="K26" s="6">
        <v>6</v>
      </c>
      <c r="L26" s="6">
        <v>4</v>
      </c>
      <c r="M26" s="7">
        <v>7</v>
      </c>
      <c r="N26" s="9">
        <v>9</v>
      </c>
      <c r="O26" s="6">
        <v>9</v>
      </c>
      <c r="P26" s="6">
        <v>9</v>
      </c>
      <c r="Q26" s="6">
        <v>7</v>
      </c>
      <c r="R26" s="6">
        <v>9</v>
      </c>
      <c r="S26" s="6">
        <v>6</v>
      </c>
      <c r="T26" s="6">
        <v>7</v>
      </c>
      <c r="U26" s="6">
        <v>6</v>
      </c>
      <c r="V26" s="6">
        <v>6</v>
      </c>
      <c r="W26" s="6">
        <v>5</v>
      </c>
      <c r="X26" s="6">
        <v>7</v>
      </c>
    </row>
    <row r="27" spans="1:24" x14ac:dyDescent="0.25">
      <c r="A27" s="4"/>
      <c r="B27">
        <v>16</v>
      </c>
      <c r="C27" s="7">
        <v>3</v>
      </c>
      <c r="D27" s="8">
        <v>9</v>
      </c>
      <c r="E27" s="6">
        <v>8</v>
      </c>
      <c r="F27" s="6">
        <v>5</v>
      </c>
      <c r="G27" s="6">
        <v>4</v>
      </c>
      <c r="H27" s="6">
        <v>3</v>
      </c>
      <c r="I27" s="6">
        <v>9</v>
      </c>
      <c r="J27" s="6">
        <v>3</v>
      </c>
      <c r="K27" s="6">
        <v>5</v>
      </c>
      <c r="L27" s="6">
        <v>7</v>
      </c>
      <c r="M27" s="7">
        <v>7</v>
      </c>
      <c r="N27" s="8">
        <v>9</v>
      </c>
      <c r="O27" s="6">
        <v>9</v>
      </c>
      <c r="P27" s="6">
        <v>9</v>
      </c>
      <c r="Q27" s="6">
        <v>6</v>
      </c>
      <c r="R27" s="6">
        <v>9</v>
      </c>
      <c r="S27" s="6">
        <v>6</v>
      </c>
      <c r="T27" s="6">
        <v>8</v>
      </c>
      <c r="U27" s="6">
        <v>8</v>
      </c>
      <c r="V27" s="6">
        <v>5</v>
      </c>
      <c r="W27" s="6">
        <v>5</v>
      </c>
      <c r="X27" s="6">
        <v>8</v>
      </c>
    </row>
    <row r="28" spans="1:24" x14ac:dyDescent="0.25">
      <c r="A28" s="4"/>
      <c r="B28">
        <v>14</v>
      </c>
      <c r="C28" s="6">
        <v>4</v>
      </c>
      <c r="D28" s="9">
        <v>9</v>
      </c>
      <c r="E28" s="6">
        <v>5</v>
      </c>
      <c r="F28" s="6">
        <v>5</v>
      </c>
      <c r="G28" s="6">
        <v>6</v>
      </c>
      <c r="H28" s="6">
        <v>5</v>
      </c>
      <c r="I28" s="6">
        <v>7</v>
      </c>
      <c r="J28" s="6">
        <v>7</v>
      </c>
      <c r="K28" s="6">
        <v>6</v>
      </c>
      <c r="L28" s="6">
        <v>4</v>
      </c>
      <c r="M28" s="6">
        <v>8</v>
      </c>
      <c r="N28" s="9">
        <v>9</v>
      </c>
      <c r="O28" s="6">
        <v>8</v>
      </c>
      <c r="P28" s="6">
        <v>6</v>
      </c>
      <c r="Q28" s="6">
        <v>5</v>
      </c>
      <c r="R28" s="6">
        <v>8</v>
      </c>
      <c r="S28" s="6">
        <v>7</v>
      </c>
      <c r="T28" s="6">
        <v>7</v>
      </c>
      <c r="U28" s="6">
        <v>7</v>
      </c>
      <c r="V28" s="6">
        <v>6</v>
      </c>
      <c r="W28" s="6">
        <v>4</v>
      </c>
      <c r="X28" s="6">
        <v>6</v>
      </c>
    </row>
    <row r="29" spans="1:24" x14ac:dyDescent="0.25">
      <c r="A29" s="4"/>
      <c r="B29">
        <v>5</v>
      </c>
      <c r="C29" s="6">
        <v>4</v>
      </c>
      <c r="D29" s="9">
        <v>9</v>
      </c>
      <c r="E29" s="6">
        <v>6</v>
      </c>
      <c r="F29" s="6">
        <v>3</v>
      </c>
      <c r="G29" s="6">
        <v>2</v>
      </c>
      <c r="H29" s="6">
        <v>9</v>
      </c>
      <c r="I29" s="6">
        <v>9</v>
      </c>
      <c r="J29" s="6">
        <v>6</v>
      </c>
      <c r="K29" s="6">
        <v>7</v>
      </c>
      <c r="L29" s="6">
        <v>8</v>
      </c>
      <c r="M29" s="6">
        <v>9</v>
      </c>
      <c r="N29" s="9">
        <v>9</v>
      </c>
      <c r="O29" s="6">
        <v>7</v>
      </c>
      <c r="P29" s="6">
        <v>6</v>
      </c>
      <c r="Q29" s="6">
        <v>8</v>
      </c>
      <c r="R29" s="6">
        <v>8</v>
      </c>
      <c r="S29" s="6">
        <v>4</v>
      </c>
      <c r="T29" s="6">
        <v>5</v>
      </c>
      <c r="U29" s="6">
        <v>5</v>
      </c>
      <c r="V29" s="6">
        <v>5</v>
      </c>
      <c r="W29" s="6">
        <v>8</v>
      </c>
      <c r="X29" s="6">
        <v>9</v>
      </c>
    </row>
    <row r="30" spans="1:24" x14ac:dyDescent="0.25">
      <c r="A30" s="4"/>
      <c r="B30">
        <v>5</v>
      </c>
      <c r="C30" s="6">
        <v>2</v>
      </c>
      <c r="D30" s="9">
        <v>7</v>
      </c>
      <c r="E30" s="6">
        <v>3</v>
      </c>
      <c r="F30" s="6">
        <v>5</v>
      </c>
      <c r="G30" s="6">
        <v>5</v>
      </c>
      <c r="H30" s="6">
        <v>5</v>
      </c>
      <c r="I30" s="6">
        <v>9</v>
      </c>
      <c r="J30" s="6">
        <v>5</v>
      </c>
      <c r="K30" s="6">
        <v>5</v>
      </c>
      <c r="L30" s="6">
        <v>3</v>
      </c>
      <c r="M30" s="6">
        <v>7</v>
      </c>
      <c r="N30" s="9">
        <v>9</v>
      </c>
      <c r="O30" s="6">
        <v>7</v>
      </c>
      <c r="P30" s="6">
        <v>8</v>
      </c>
      <c r="Q30" s="6">
        <v>5</v>
      </c>
      <c r="R30" s="6">
        <v>8</v>
      </c>
      <c r="S30" s="6">
        <v>6</v>
      </c>
      <c r="T30" s="6">
        <v>7</v>
      </c>
      <c r="U30" s="6">
        <v>4</v>
      </c>
      <c r="V30" s="6">
        <v>7</v>
      </c>
      <c r="W30" s="6">
        <v>6</v>
      </c>
      <c r="X30" s="6">
        <v>7</v>
      </c>
    </row>
    <row r="31" spans="1:24" x14ac:dyDescent="0.25">
      <c r="A31" s="4"/>
      <c r="B31">
        <v>18</v>
      </c>
      <c r="C31" s="6">
        <v>3</v>
      </c>
      <c r="D31" s="9">
        <v>8</v>
      </c>
      <c r="E31" s="6">
        <v>4</v>
      </c>
      <c r="F31" s="6">
        <v>5</v>
      </c>
      <c r="G31" s="6">
        <v>3</v>
      </c>
      <c r="H31" s="6">
        <v>2</v>
      </c>
      <c r="I31" s="6">
        <v>9</v>
      </c>
      <c r="J31" s="6">
        <v>6</v>
      </c>
      <c r="K31" s="6">
        <v>7</v>
      </c>
      <c r="L31" s="6">
        <v>8</v>
      </c>
      <c r="M31" s="6">
        <v>9</v>
      </c>
      <c r="N31" s="9">
        <v>9</v>
      </c>
      <c r="O31" s="6">
        <v>7</v>
      </c>
      <c r="P31" s="6">
        <v>4</v>
      </c>
      <c r="Q31" s="6">
        <v>5</v>
      </c>
      <c r="R31" s="6">
        <v>9</v>
      </c>
      <c r="S31" s="6">
        <v>8</v>
      </c>
      <c r="T31" s="6">
        <v>6</v>
      </c>
      <c r="U31" s="6">
        <v>9</v>
      </c>
      <c r="V31" s="6">
        <v>7</v>
      </c>
      <c r="W31" s="6">
        <v>8</v>
      </c>
      <c r="X31" s="6">
        <v>7</v>
      </c>
    </row>
    <row r="32" spans="1:24" x14ac:dyDescent="0.25">
      <c r="A32" s="4"/>
      <c r="B32">
        <v>30</v>
      </c>
      <c r="C32" s="6">
        <v>5</v>
      </c>
      <c r="D32" s="9">
        <v>9</v>
      </c>
      <c r="E32" s="6">
        <v>6</v>
      </c>
      <c r="F32" s="6">
        <v>3</v>
      </c>
      <c r="G32" s="6">
        <v>5</v>
      </c>
      <c r="H32" s="6">
        <v>6</v>
      </c>
      <c r="I32" s="6">
        <v>8</v>
      </c>
      <c r="J32" s="6">
        <v>4</v>
      </c>
      <c r="K32" s="6">
        <v>4</v>
      </c>
      <c r="L32" s="6">
        <v>3</v>
      </c>
      <c r="M32" s="6">
        <v>3</v>
      </c>
      <c r="N32" s="9">
        <v>9</v>
      </c>
      <c r="O32" s="6">
        <v>8</v>
      </c>
      <c r="P32" s="6">
        <v>8</v>
      </c>
      <c r="Q32" s="6">
        <v>5</v>
      </c>
      <c r="R32" s="6">
        <v>9</v>
      </c>
      <c r="S32" s="6">
        <v>7</v>
      </c>
      <c r="T32" s="6">
        <v>5</v>
      </c>
      <c r="U32" s="6">
        <v>9</v>
      </c>
      <c r="V32" s="6">
        <v>5</v>
      </c>
      <c r="W32" s="6">
        <v>5</v>
      </c>
      <c r="X32" s="6">
        <v>5</v>
      </c>
    </row>
    <row r="33" spans="1:24" x14ac:dyDescent="0.25">
      <c r="A33" s="4"/>
      <c r="B33">
        <v>15</v>
      </c>
      <c r="C33" s="6">
        <v>2</v>
      </c>
      <c r="D33" s="9">
        <v>7</v>
      </c>
      <c r="E33" s="6">
        <v>5</v>
      </c>
      <c r="F33" s="6">
        <v>4</v>
      </c>
      <c r="G33" s="6">
        <v>7</v>
      </c>
      <c r="H33" s="6">
        <v>5</v>
      </c>
      <c r="I33" s="6">
        <v>8</v>
      </c>
      <c r="J33" s="6">
        <v>6</v>
      </c>
      <c r="K33" s="6">
        <v>7</v>
      </c>
      <c r="L33" s="6">
        <v>8</v>
      </c>
      <c r="M33" s="6">
        <v>9</v>
      </c>
      <c r="N33" s="9">
        <v>8</v>
      </c>
      <c r="O33" s="6">
        <v>8</v>
      </c>
      <c r="P33" s="6">
        <v>7</v>
      </c>
      <c r="Q33" s="6">
        <v>5</v>
      </c>
      <c r="R33" s="6">
        <v>9</v>
      </c>
      <c r="S33" s="6">
        <v>8</v>
      </c>
      <c r="T33" s="6">
        <v>8</v>
      </c>
      <c r="U33" s="6">
        <v>7</v>
      </c>
      <c r="V33" s="6">
        <v>8</v>
      </c>
      <c r="W33" s="6">
        <v>8</v>
      </c>
      <c r="X33" s="6">
        <v>8</v>
      </c>
    </row>
    <row r="34" spans="1:24" x14ac:dyDescent="0.25">
      <c r="A34" s="4"/>
      <c r="B34">
        <v>7</v>
      </c>
      <c r="C34" s="6">
        <v>4</v>
      </c>
      <c r="D34" s="9">
        <v>7</v>
      </c>
      <c r="E34" s="6">
        <v>7</v>
      </c>
      <c r="F34" s="6">
        <v>5</v>
      </c>
      <c r="G34" s="6">
        <v>8</v>
      </c>
      <c r="H34" s="6">
        <v>9</v>
      </c>
      <c r="I34" s="6">
        <v>9</v>
      </c>
      <c r="J34" s="6">
        <v>6</v>
      </c>
      <c r="K34" s="6">
        <v>5</v>
      </c>
      <c r="L34" s="6">
        <v>5</v>
      </c>
      <c r="M34" s="6">
        <v>8</v>
      </c>
      <c r="N34" s="9">
        <v>9</v>
      </c>
      <c r="O34" s="6">
        <v>8</v>
      </c>
      <c r="P34" s="6">
        <v>6</v>
      </c>
      <c r="Q34" s="6">
        <v>4</v>
      </c>
      <c r="R34" s="6">
        <v>8</v>
      </c>
      <c r="S34" s="6">
        <v>6</v>
      </c>
      <c r="T34" s="6">
        <v>6</v>
      </c>
      <c r="U34" s="6">
        <v>8</v>
      </c>
      <c r="V34" s="6">
        <v>5</v>
      </c>
      <c r="W34" s="6">
        <v>5</v>
      </c>
      <c r="X34" s="6">
        <v>7</v>
      </c>
    </row>
    <row r="35" spans="1:24" x14ac:dyDescent="0.25">
      <c r="A35" s="4"/>
      <c r="B35">
        <v>6</v>
      </c>
      <c r="C35" s="6">
        <v>3</v>
      </c>
      <c r="D35" s="9">
        <v>6</v>
      </c>
      <c r="E35" s="6">
        <v>6</v>
      </c>
      <c r="F35" s="6">
        <v>4</v>
      </c>
      <c r="G35" s="6">
        <v>4</v>
      </c>
      <c r="H35" s="6">
        <v>6</v>
      </c>
      <c r="I35" s="6">
        <v>8</v>
      </c>
      <c r="J35" s="6">
        <v>5</v>
      </c>
      <c r="K35" s="6">
        <v>5</v>
      </c>
      <c r="L35" s="6">
        <v>4</v>
      </c>
      <c r="M35" s="6">
        <v>9</v>
      </c>
      <c r="N35" s="9">
        <v>9</v>
      </c>
      <c r="O35" s="6">
        <v>9</v>
      </c>
      <c r="P35" s="6">
        <v>8</v>
      </c>
      <c r="Q35" s="6">
        <v>5</v>
      </c>
      <c r="R35" s="6">
        <v>9</v>
      </c>
      <c r="S35" s="6">
        <v>5</v>
      </c>
      <c r="T35" s="6">
        <v>5</v>
      </c>
      <c r="U35" s="6">
        <v>8</v>
      </c>
      <c r="V35" s="6">
        <v>6</v>
      </c>
      <c r="W35" s="6">
        <v>6</v>
      </c>
      <c r="X35" s="6">
        <v>7</v>
      </c>
    </row>
    <row r="36" spans="1:24" x14ac:dyDescent="0.25">
      <c r="A36" s="4"/>
      <c r="B36">
        <v>2</v>
      </c>
      <c r="C36" s="6">
        <v>3</v>
      </c>
      <c r="D36" s="9">
        <v>9</v>
      </c>
      <c r="E36" s="6">
        <v>3</v>
      </c>
      <c r="F36" s="6">
        <v>3</v>
      </c>
      <c r="G36" s="6">
        <v>1</v>
      </c>
      <c r="H36" s="6">
        <v>3</v>
      </c>
      <c r="I36" s="6">
        <v>9</v>
      </c>
      <c r="J36" s="6">
        <v>5</v>
      </c>
      <c r="K36" s="6">
        <v>3</v>
      </c>
      <c r="L36" s="6">
        <v>8</v>
      </c>
      <c r="M36" s="6">
        <v>7</v>
      </c>
      <c r="N36" s="9">
        <v>9</v>
      </c>
      <c r="O36" s="6">
        <v>7</v>
      </c>
      <c r="P36" s="6">
        <v>6</v>
      </c>
      <c r="Q36" s="6">
        <v>6</v>
      </c>
      <c r="R36" s="6">
        <v>9</v>
      </c>
      <c r="S36" s="6">
        <v>7</v>
      </c>
      <c r="T36" s="6">
        <v>7</v>
      </c>
      <c r="U36" s="6">
        <v>9</v>
      </c>
      <c r="V36" s="6">
        <v>7</v>
      </c>
      <c r="W36" s="6">
        <v>8</v>
      </c>
      <c r="X36" s="6">
        <v>9</v>
      </c>
    </row>
    <row r="37" spans="1:24" x14ac:dyDescent="0.25">
      <c r="A37" s="4"/>
      <c r="B37">
        <v>13</v>
      </c>
      <c r="C37" s="6">
        <v>2</v>
      </c>
      <c r="D37" s="9">
        <v>9</v>
      </c>
      <c r="E37" s="6">
        <v>6</v>
      </c>
      <c r="F37" s="6">
        <v>5</v>
      </c>
      <c r="G37" s="6">
        <v>8</v>
      </c>
      <c r="H37" s="6">
        <v>8</v>
      </c>
      <c r="I37" s="6">
        <v>8</v>
      </c>
      <c r="J37" s="6">
        <v>6</v>
      </c>
      <c r="K37" s="6">
        <v>6</v>
      </c>
      <c r="L37" s="6">
        <v>6</v>
      </c>
      <c r="M37" s="6">
        <v>7</v>
      </c>
      <c r="N37" s="9">
        <v>9</v>
      </c>
      <c r="O37" s="6">
        <v>8</v>
      </c>
      <c r="P37" s="6">
        <v>8</v>
      </c>
      <c r="Q37" s="6">
        <v>7</v>
      </c>
      <c r="R37" s="6">
        <v>8</v>
      </c>
      <c r="S37" s="6">
        <v>5</v>
      </c>
      <c r="T37" s="6">
        <v>8</v>
      </c>
      <c r="U37" s="6">
        <v>7</v>
      </c>
      <c r="V37" s="6">
        <v>6</v>
      </c>
      <c r="W37" s="6">
        <v>7</v>
      </c>
      <c r="X37" s="6">
        <v>8</v>
      </c>
    </row>
    <row r="38" spans="1:24" x14ac:dyDescent="0.25">
      <c r="A38" s="4"/>
      <c r="B38">
        <v>6</v>
      </c>
      <c r="C38" s="6">
        <v>2</v>
      </c>
      <c r="D38" s="9">
        <v>6</v>
      </c>
      <c r="E38" s="6">
        <v>6</v>
      </c>
      <c r="F38" s="6">
        <v>8</v>
      </c>
      <c r="G38" s="6">
        <v>8</v>
      </c>
      <c r="H38" s="6">
        <v>7</v>
      </c>
      <c r="I38" s="6">
        <v>9</v>
      </c>
      <c r="J38" s="6">
        <v>6</v>
      </c>
      <c r="K38" s="6">
        <v>3</v>
      </c>
      <c r="L38" s="6">
        <v>3</v>
      </c>
      <c r="M38" s="6">
        <v>5</v>
      </c>
      <c r="N38" s="9">
        <v>9</v>
      </c>
      <c r="O38" s="6">
        <v>9</v>
      </c>
      <c r="P38" s="6">
        <v>7</v>
      </c>
      <c r="Q38" s="6">
        <v>7</v>
      </c>
      <c r="R38" s="6">
        <v>9</v>
      </c>
      <c r="S38" s="6">
        <v>9</v>
      </c>
      <c r="T38" s="6">
        <v>8</v>
      </c>
      <c r="U38" s="6">
        <v>9</v>
      </c>
      <c r="V38" s="6">
        <v>6</v>
      </c>
      <c r="W38" s="6">
        <v>7</v>
      </c>
      <c r="X38" s="6">
        <v>7</v>
      </c>
    </row>
    <row r="39" spans="1:24" x14ac:dyDescent="0.25">
      <c r="A39" s="4"/>
      <c r="B39">
        <v>6</v>
      </c>
      <c r="C39" s="6">
        <v>4</v>
      </c>
      <c r="D39" s="9">
        <v>9</v>
      </c>
      <c r="E39" s="6">
        <v>9</v>
      </c>
      <c r="F39" s="6">
        <v>6</v>
      </c>
      <c r="G39" s="6">
        <v>7</v>
      </c>
      <c r="H39" s="6">
        <v>4</v>
      </c>
      <c r="I39" s="6">
        <v>9</v>
      </c>
      <c r="J39" s="6">
        <v>4</v>
      </c>
      <c r="K39" s="6">
        <v>6</v>
      </c>
      <c r="L39" s="6">
        <v>5</v>
      </c>
      <c r="M39" s="6">
        <v>5</v>
      </c>
      <c r="N39" s="9">
        <v>9</v>
      </c>
      <c r="O39" s="6">
        <v>9</v>
      </c>
      <c r="P39" s="6">
        <v>7</v>
      </c>
      <c r="Q39" s="6">
        <v>7</v>
      </c>
      <c r="R39" s="6">
        <v>9</v>
      </c>
      <c r="S39" s="6">
        <v>8</v>
      </c>
      <c r="T39" s="6">
        <v>8</v>
      </c>
      <c r="U39" s="6">
        <v>7</v>
      </c>
      <c r="V39" s="6">
        <v>8</v>
      </c>
      <c r="W39" s="6">
        <v>8</v>
      </c>
      <c r="X39" s="6">
        <v>8</v>
      </c>
    </row>
    <row r="40" spans="1:24" x14ac:dyDescent="0.25">
      <c r="C40" s="11"/>
      <c r="D40" s="6"/>
      <c r="E40" s="6"/>
      <c r="F40" s="6"/>
      <c r="G40" s="6"/>
      <c r="H40" s="6"/>
      <c r="I40" s="6"/>
      <c r="J40" s="6"/>
      <c r="K40" s="6"/>
      <c r="L40" s="6"/>
      <c r="M40" s="6"/>
      <c r="N40" s="6"/>
      <c r="O40" s="6"/>
      <c r="P40" s="6"/>
      <c r="Q40" s="6"/>
      <c r="R40" s="6"/>
      <c r="S40" s="6"/>
      <c r="T40" s="6"/>
      <c r="U40" s="6"/>
      <c r="V40" s="6"/>
      <c r="W40" s="6"/>
      <c r="X40" s="6"/>
    </row>
    <row r="41" spans="1:24" x14ac:dyDescent="0.25">
      <c r="C41" s="11"/>
      <c r="D41" s="6"/>
      <c r="E41" s="6"/>
      <c r="F41" s="6"/>
      <c r="G41" s="6"/>
      <c r="H41" s="6"/>
      <c r="I41" s="6"/>
      <c r="J41" s="6"/>
      <c r="K41" s="6"/>
      <c r="L41" s="6"/>
      <c r="M41" s="6"/>
      <c r="N41" s="6"/>
      <c r="O41" s="6"/>
      <c r="P41" s="6"/>
      <c r="Q41" s="6"/>
      <c r="R41" s="6"/>
      <c r="S41" s="6"/>
      <c r="T41" s="6"/>
      <c r="U41" s="6"/>
      <c r="V41" s="6"/>
      <c r="W41" s="6"/>
      <c r="X41" s="6"/>
    </row>
    <row r="42" spans="1:24" x14ac:dyDescent="0.25">
      <c r="A42" s="1"/>
    </row>
    <row r="43" spans="1:24" x14ac:dyDescent="0.25">
      <c r="A43" s="1"/>
    </row>
    <row r="44" spans="1:24" x14ac:dyDescent="0.25">
      <c r="C44" s="10"/>
      <c r="E44" s="10"/>
    </row>
    <row r="45" spans="1:24" x14ac:dyDescent="0.25">
      <c r="A45" s="1"/>
    </row>
    <row r="46" spans="1:24" x14ac:dyDescent="0.25">
      <c r="A46" s="1"/>
    </row>
    <row r="47" spans="1:24" x14ac:dyDescent="0.25">
      <c r="A47" s="1"/>
    </row>
  </sheetData>
  <pageMargins left="0.7" right="0.7" top="0.75" bottom="0.75" header="0.51180555555555496" footer="0.51180555555555496"/>
  <pageSetup firstPageNumber="0" orientation="portrait" horizontalDpi="300" verticalDpi="300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1</TotalTime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84</vt:i4>
      </vt:variant>
    </vt:vector>
  </HeadingPairs>
  <TitlesOfParts>
    <vt:vector size="85" baseType="lpstr">
      <vt:lpstr>Industry Responses</vt:lpstr>
      <vt:lpstr>_xlchart.v3.0</vt:lpstr>
      <vt:lpstr>_xlchart.v3.1</vt:lpstr>
      <vt:lpstr>_xlchart.v3.10</vt:lpstr>
      <vt:lpstr>_xlchart.v3.11</vt:lpstr>
      <vt:lpstr>_xlchart.v3.12</vt:lpstr>
      <vt:lpstr>_xlchart.v3.13</vt:lpstr>
      <vt:lpstr>_xlchart.v3.14</vt:lpstr>
      <vt:lpstr>_xlchart.v3.15</vt:lpstr>
      <vt:lpstr>_xlchart.v3.16</vt:lpstr>
      <vt:lpstr>_xlchart.v3.17</vt:lpstr>
      <vt:lpstr>_xlchart.v3.18</vt:lpstr>
      <vt:lpstr>_xlchart.v3.19</vt:lpstr>
      <vt:lpstr>_xlchart.v3.2</vt:lpstr>
      <vt:lpstr>_xlchart.v3.20</vt:lpstr>
      <vt:lpstr>_xlchart.v3.21</vt:lpstr>
      <vt:lpstr>_xlchart.v3.22</vt:lpstr>
      <vt:lpstr>_xlchart.v3.23</vt:lpstr>
      <vt:lpstr>_xlchart.v3.24</vt:lpstr>
      <vt:lpstr>_xlchart.v3.25</vt:lpstr>
      <vt:lpstr>_xlchart.v3.26</vt:lpstr>
      <vt:lpstr>_xlchart.v3.27</vt:lpstr>
      <vt:lpstr>_xlchart.v3.28</vt:lpstr>
      <vt:lpstr>_xlchart.v3.29</vt:lpstr>
      <vt:lpstr>_xlchart.v3.3</vt:lpstr>
      <vt:lpstr>_xlchart.v3.30</vt:lpstr>
      <vt:lpstr>_xlchart.v3.31</vt:lpstr>
      <vt:lpstr>_xlchart.v3.32</vt:lpstr>
      <vt:lpstr>_xlchart.v3.33</vt:lpstr>
      <vt:lpstr>_xlchart.v3.34</vt:lpstr>
      <vt:lpstr>_xlchart.v3.35</vt:lpstr>
      <vt:lpstr>_xlchart.v3.36</vt:lpstr>
      <vt:lpstr>_xlchart.v3.37</vt:lpstr>
      <vt:lpstr>_xlchart.v3.38</vt:lpstr>
      <vt:lpstr>_xlchart.v3.39</vt:lpstr>
      <vt:lpstr>_xlchart.v3.4</vt:lpstr>
      <vt:lpstr>_xlchart.v3.40</vt:lpstr>
      <vt:lpstr>_xlchart.v3.41</vt:lpstr>
      <vt:lpstr>_xlchart.v3.42</vt:lpstr>
      <vt:lpstr>_xlchart.v3.43</vt:lpstr>
      <vt:lpstr>_xlchart.v3.44</vt:lpstr>
      <vt:lpstr>_xlchart.v3.45</vt:lpstr>
      <vt:lpstr>_xlchart.v3.46</vt:lpstr>
      <vt:lpstr>_xlchart.v3.47</vt:lpstr>
      <vt:lpstr>_xlchart.v3.48</vt:lpstr>
      <vt:lpstr>_xlchart.v3.49</vt:lpstr>
      <vt:lpstr>_xlchart.v3.5</vt:lpstr>
      <vt:lpstr>_xlchart.v3.50</vt:lpstr>
      <vt:lpstr>_xlchart.v3.51</vt:lpstr>
      <vt:lpstr>_xlchart.v3.52</vt:lpstr>
      <vt:lpstr>_xlchart.v3.53</vt:lpstr>
      <vt:lpstr>_xlchart.v3.54</vt:lpstr>
      <vt:lpstr>_xlchart.v3.55</vt:lpstr>
      <vt:lpstr>_xlchart.v3.56</vt:lpstr>
      <vt:lpstr>_xlchart.v3.57</vt:lpstr>
      <vt:lpstr>_xlchart.v3.58</vt:lpstr>
      <vt:lpstr>_xlchart.v3.59</vt:lpstr>
      <vt:lpstr>_xlchart.v3.6</vt:lpstr>
      <vt:lpstr>_xlchart.v3.60</vt:lpstr>
      <vt:lpstr>_xlchart.v3.61</vt:lpstr>
      <vt:lpstr>_xlchart.v3.62</vt:lpstr>
      <vt:lpstr>_xlchart.v3.63</vt:lpstr>
      <vt:lpstr>_xlchart.v3.64</vt:lpstr>
      <vt:lpstr>_xlchart.v3.65</vt:lpstr>
      <vt:lpstr>_xlchart.v3.66</vt:lpstr>
      <vt:lpstr>_xlchart.v3.67</vt:lpstr>
      <vt:lpstr>_xlchart.v3.68</vt:lpstr>
      <vt:lpstr>_xlchart.v3.69</vt:lpstr>
      <vt:lpstr>_xlchart.v3.7</vt:lpstr>
      <vt:lpstr>_xlchart.v3.70</vt:lpstr>
      <vt:lpstr>_xlchart.v3.71</vt:lpstr>
      <vt:lpstr>_xlchart.v3.72</vt:lpstr>
      <vt:lpstr>_xlchart.v3.73</vt:lpstr>
      <vt:lpstr>_xlchart.v3.74</vt:lpstr>
      <vt:lpstr>_xlchart.v3.75</vt:lpstr>
      <vt:lpstr>_xlchart.v3.76</vt:lpstr>
      <vt:lpstr>_xlchart.v3.77</vt:lpstr>
      <vt:lpstr>_xlchart.v3.78</vt:lpstr>
      <vt:lpstr>_xlchart.v3.79</vt:lpstr>
      <vt:lpstr>_xlchart.v3.8</vt:lpstr>
      <vt:lpstr>_xlchart.v3.80</vt:lpstr>
      <vt:lpstr>_xlchart.v3.81</vt:lpstr>
      <vt:lpstr>_xlchart.v3.82</vt:lpstr>
      <vt:lpstr>_xlchart.v3.83</vt:lpstr>
      <vt:lpstr>_xlchart.v3.9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ark</dc:creator>
  <dc:description/>
  <cp:lastModifiedBy>Richmond, Mark</cp:lastModifiedBy>
  <cp:revision>1</cp:revision>
  <dcterms:created xsi:type="dcterms:W3CDTF">2017-01-27T12:31:10Z</dcterms:created>
  <dcterms:modified xsi:type="dcterms:W3CDTF">2018-06-12T10:26:19Z</dcterms:modified>
  <dc:language>en-GB</dc:language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AppVersion">
    <vt:lpwstr>15.0300</vt:lpwstr>
  </property>
  <property fmtid="{D5CDD505-2E9C-101B-9397-08002B2CF9AE}" pid="3" name="DocSecurity">
    <vt:i4>0</vt:i4>
  </property>
  <property fmtid="{D5CDD505-2E9C-101B-9397-08002B2CF9AE}" pid="4" name="HyperlinksChanged">
    <vt:bool>false</vt:bool>
  </property>
  <property fmtid="{D5CDD505-2E9C-101B-9397-08002B2CF9AE}" pid="5" name="LinksUpToDate">
    <vt:bool>false</vt:bool>
  </property>
  <property fmtid="{D5CDD505-2E9C-101B-9397-08002B2CF9AE}" pid="6" name="ScaleCrop">
    <vt:bool>false</vt:bool>
  </property>
  <property fmtid="{D5CDD505-2E9C-101B-9397-08002B2CF9AE}" pid="7" name="ShareDoc">
    <vt:bool>false</vt:bool>
  </property>
</Properties>
</file>